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4223CEFD" w14:textId="5509C11E" w:rsidR="00387F9D" w:rsidRPr="00192821" w:rsidRDefault="002B6107" w:rsidP="002B6107">
      <w:pPr>
        <w:snapToGrid w:val="0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 xml:space="preserve">             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202</w:t>
      </w:r>
      <w:r w:rsidR="001C6AEE" w:rsidRPr="00192821"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>2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年</w:t>
      </w:r>
      <w:r w:rsidR="008E5EE6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暑期、</w:t>
      </w:r>
      <w:r w:rsidR="002E241D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秋季</w:t>
      </w:r>
      <w:r w:rsidR="004657F5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学期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（</w:t>
      </w:r>
      <w:r w:rsidR="00612DB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实地</w:t>
      </w:r>
      <w:r w:rsidR="0083592C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/线上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）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交流项目信息一览表</w:t>
      </w:r>
    </w:p>
    <w:tbl>
      <w:tblPr>
        <w:tblStyle w:val="a9"/>
        <w:tblW w:w="14322" w:type="dxa"/>
        <w:jc w:val="center"/>
        <w:tblBorders>
          <w:top w:val="single" w:sz="4" w:space="0" w:color="3B3838" w:themeColor="text1"/>
          <w:left w:val="single" w:sz="4" w:space="0" w:color="3B3838" w:themeColor="text1"/>
          <w:bottom w:val="single" w:sz="4" w:space="0" w:color="3B3838" w:themeColor="text1"/>
          <w:right w:val="single" w:sz="4" w:space="0" w:color="3B3838" w:themeColor="text1"/>
          <w:insideH w:val="single" w:sz="4" w:space="0" w:color="3B3838" w:themeColor="text1"/>
          <w:insideV w:val="single" w:sz="4" w:space="0" w:color="3B3838" w:themeColor="text1"/>
        </w:tblBorders>
        <w:tblLook w:val="04A0" w:firstRow="1" w:lastRow="0" w:firstColumn="1" w:lastColumn="0" w:noHBand="0" w:noVBand="1"/>
      </w:tblPr>
      <w:tblGrid>
        <w:gridCol w:w="1795"/>
        <w:gridCol w:w="1800"/>
        <w:gridCol w:w="2005"/>
        <w:gridCol w:w="1346"/>
        <w:gridCol w:w="2551"/>
        <w:gridCol w:w="1521"/>
        <w:gridCol w:w="1559"/>
        <w:gridCol w:w="1745"/>
      </w:tblGrid>
      <w:tr w:rsidR="008A7165" w:rsidRPr="00192821" w14:paraId="11E88761" w14:textId="77777777" w:rsidTr="0003059B">
        <w:trPr>
          <w:trHeight w:val="338"/>
          <w:jc w:val="center"/>
        </w:trPr>
        <w:tc>
          <w:tcPr>
            <w:tcW w:w="14322" w:type="dxa"/>
            <w:gridSpan w:val="8"/>
            <w:shd w:val="clear" w:color="auto" w:fill="B9D9F4" w:themeFill="text2" w:themeFillTint="33"/>
          </w:tcPr>
          <w:p w14:paraId="5F386787" w14:textId="7AD2F227" w:rsidR="008A7165" w:rsidRPr="0003059B" w:rsidRDefault="008A7165" w:rsidP="005503AB">
            <w:pPr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暑期、秋季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cyan"/>
                <w:lang w:eastAsia="zh-CN"/>
              </w:rPr>
              <w:t>在线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shd w:val="clear" w:color="auto" w:fill="B9D9F4" w:themeFill="text2" w:themeFillTint="33"/>
                <w:lang w:eastAsia="zh-CN"/>
              </w:rPr>
              <w:t>流项目</w:t>
            </w:r>
          </w:p>
        </w:tc>
      </w:tr>
      <w:tr w:rsidR="008A7165" w:rsidRPr="00192821" w14:paraId="62EBA2B7" w14:textId="77777777" w:rsidTr="00192821">
        <w:trPr>
          <w:jc w:val="center"/>
        </w:trPr>
        <w:tc>
          <w:tcPr>
            <w:tcW w:w="1795" w:type="dxa"/>
          </w:tcPr>
          <w:p w14:paraId="2FEAA1A4" w14:textId="4F6F13A5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海外大学</w:t>
            </w:r>
          </w:p>
        </w:tc>
        <w:tc>
          <w:tcPr>
            <w:tcW w:w="1800" w:type="dxa"/>
          </w:tcPr>
          <w:p w14:paraId="5747D85C" w14:textId="73518F4F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名称</w:t>
            </w:r>
          </w:p>
        </w:tc>
        <w:tc>
          <w:tcPr>
            <w:tcW w:w="2005" w:type="dxa"/>
          </w:tcPr>
          <w:p w14:paraId="7A441BB5" w14:textId="1AF3B8E5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语言要求</w:t>
            </w:r>
          </w:p>
        </w:tc>
        <w:tc>
          <w:tcPr>
            <w:tcW w:w="1346" w:type="dxa"/>
          </w:tcPr>
          <w:p w14:paraId="21E7EA3D" w14:textId="1308F1F3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数</w:t>
            </w:r>
          </w:p>
        </w:tc>
        <w:tc>
          <w:tcPr>
            <w:tcW w:w="2551" w:type="dxa"/>
          </w:tcPr>
          <w:p w14:paraId="5911E6D2" w14:textId="5936B910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1ED0FD21" w14:textId="23668716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课程形式</w:t>
            </w:r>
          </w:p>
        </w:tc>
        <w:tc>
          <w:tcPr>
            <w:tcW w:w="1559" w:type="dxa"/>
          </w:tcPr>
          <w:p w14:paraId="528B919C" w14:textId="2F591C87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收获</w:t>
            </w:r>
          </w:p>
        </w:tc>
        <w:tc>
          <w:tcPr>
            <w:tcW w:w="1745" w:type="dxa"/>
          </w:tcPr>
          <w:p w14:paraId="4F5DF778" w14:textId="79BFD0E7" w:rsidR="008A7165" w:rsidRPr="00192821" w:rsidRDefault="008A7165" w:rsidP="008A7165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</w:t>
            </w:r>
            <w:r w:rsidR="0003059B" w:rsidRPr="0003059B">
              <w:rPr>
                <w:rFonts w:ascii="等线" w:eastAsia="等线" w:hAnsi="等线" w:cs="Calibri" w:hint="eastAsia"/>
                <w:color w:val="auto"/>
                <w:highlight w:val="cyan"/>
                <w:lang w:eastAsia="zh-CN"/>
              </w:rPr>
              <w:t>参考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费用</w:t>
            </w:r>
          </w:p>
        </w:tc>
      </w:tr>
      <w:tr w:rsidR="006A6BF1" w:rsidRPr="00192821" w14:paraId="76ABDA35" w14:textId="77777777" w:rsidTr="00D84AA0">
        <w:trPr>
          <w:jc w:val="center"/>
        </w:trPr>
        <w:tc>
          <w:tcPr>
            <w:tcW w:w="1795" w:type="dxa"/>
            <w:shd w:val="clear" w:color="auto" w:fill="FCE6D2" w:themeFill="accent3" w:themeFillTint="33"/>
            <w:vAlign w:val="center"/>
          </w:tcPr>
          <w:p w14:paraId="769D897E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6308A77B" w14:textId="14B095AC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800" w:type="dxa"/>
            <w:shd w:val="clear" w:color="auto" w:fill="FCE6D2" w:themeFill="accent3" w:themeFillTint="33"/>
            <w:vAlign w:val="center"/>
          </w:tcPr>
          <w:p w14:paraId="5E0DF89E" w14:textId="3B4BE8B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线上数据科学证书项目</w:t>
            </w:r>
          </w:p>
        </w:tc>
        <w:tc>
          <w:tcPr>
            <w:tcW w:w="2005" w:type="dxa"/>
            <w:shd w:val="clear" w:color="auto" w:fill="FCE6D2" w:themeFill="accent3" w:themeFillTint="33"/>
            <w:vAlign w:val="center"/>
          </w:tcPr>
          <w:p w14:paraId="20389AA6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0</w:t>
            </w:r>
          </w:p>
          <w:p w14:paraId="369198AA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</w:p>
          <w:p w14:paraId="0A9A7ABE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4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93</w:t>
            </w:r>
          </w:p>
          <w:p w14:paraId="63637B5A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6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5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  <w:p w14:paraId="5907A48E" w14:textId="7A800B9A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 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</w:tc>
        <w:tc>
          <w:tcPr>
            <w:tcW w:w="1346" w:type="dxa"/>
            <w:shd w:val="clear" w:color="auto" w:fill="FCE6D2" w:themeFill="accent3" w:themeFillTint="33"/>
            <w:vAlign w:val="center"/>
          </w:tcPr>
          <w:p w14:paraId="6A2B88EC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门课</w:t>
            </w:r>
          </w:p>
          <w:p w14:paraId="1540CFA7" w14:textId="2330BAC6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学分</w:t>
            </w:r>
          </w:p>
        </w:tc>
        <w:tc>
          <w:tcPr>
            <w:tcW w:w="2551" w:type="dxa"/>
            <w:shd w:val="clear" w:color="auto" w:fill="FCE6D2" w:themeFill="accent3" w:themeFillTint="33"/>
            <w:vAlign w:val="center"/>
          </w:tcPr>
          <w:p w14:paraId="2D4DAC50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17D83E39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月2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</w:p>
          <w:p w14:paraId="726AFB01" w14:textId="5DD7DD48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秋季学期： 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         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9月下旬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521" w:type="dxa"/>
            <w:shd w:val="clear" w:color="auto" w:fill="FCE6D2" w:themeFill="accent3" w:themeFillTint="33"/>
            <w:vAlign w:val="center"/>
          </w:tcPr>
          <w:p w14:paraId="0D2C3E31" w14:textId="24424FF6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59" w:type="dxa"/>
            <w:shd w:val="clear" w:color="auto" w:fill="FCE6D2" w:themeFill="accent3" w:themeFillTint="33"/>
            <w:vAlign w:val="center"/>
          </w:tcPr>
          <w:p w14:paraId="755A95C5" w14:textId="1C844114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修一门课可获得学校官方成绩单和学分；完成4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6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745" w:type="dxa"/>
            <w:shd w:val="clear" w:color="auto" w:fill="FCE6D2" w:themeFill="accent3" w:themeFillTint="33"/>
            <w:vAlign w:val="center"/>
          </w:tcPr>
          <w:p w14:paraId="1F7A0D22" w14:textId="77777777" w:rsidR="006A6BF1" w:rsidRPr="006A6BF1" w:rsidRDefault="006A6BF1" w:rsidP="006A6BF1">
            <w:pPr>
              <w:spacing w:beforeLines="20" w:before="48" w:line="360" w:lineRule="exact"/>
              <w:contextualSpacing/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2856849B" w14:textId="77777777" w:rsidR="006A6BF1" w:rsidRPr="006A6BF1" w:rsidRDefault="006A6BF1" w:rsidP="006A6BF1">
            <w:pPr>
              <w:spacing w:beforeLines="20" w:before="48" w:line="360" w:lineRule="exact"/>
              <w:contextualSpacing/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20美元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门</w:t>
            </w:r>
          </w:p>
          <w:p w14:paraId="2F309AB5" w14:textId="1A29EB14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90美元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门</w:t>
            </w:r>
          </w:p>
        </w:tc>
      </w:tr>
      <w:tr w:rsidR="006A6BF1" w:rsidRPr="00192821" w14:paraId="1E2AFD4C" w14:textId="77777777" w:rsidTr="00D84AA0">
        <w:trPr>
          <w:jc w:val="center"/>
        </w:trPr>
        <w:tc>
          <w:tcPr>
            <w:tcW w:w="1795" w:type="dxa"/>
            <w:shd w:val="clear" w:color="auto" w:fill="FCE6D2" w:themeFill="accent3" w:themeFillTint="33"/>
            <w:vAlign w:val="center"/>
          </w:tcPr>
          <w:p w14:paraId="556A945E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6713B5AE" w14:textId="74CAAC6B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800" w:type="dxa"/>
            <w:shd w:val="clear" w:color="auto" w:fill="FCE6D2" w:themeFill="accent3" w:themeFillTint="33"/>
            <w:vAlign w:val="center"/>
          </w:tcPr>
          <w:p w14:paraId="7A2DCD38" w14:textId="552C1DA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线上网络安全证书项目</w:t>
            </w:r>
          </w:p>
        </w:tc>
        <w:tc>
          <w:tcPr>
            <w:tcW w:w="2005" w:type="dxa"/>
            <w:shd w:val="clear" w:color="auto" w:fill="FCE6D2" w:themeFill="accent3" w:themeFillTint="33"/>
            <w:vAlign w:val="center"/>
          </w:tcPr>
          <w:p w14:paraId="1D49FFF8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0</w:t>
            </w:r>
          </w:p>
          <w:p w14:paraId="3AED8BA9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</w:p>
          <w:p w14:paraId="46139F92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4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93</w:t>
            </w:r>
          </w:p>
          <w:p w14:paraId="79DD8152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6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5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  <w:p w14:paraId="4A26C498" w14:textId="41B72C76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 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</w:tc>
        <w:tc>
          <w:tcPr>
            <w:tcW w:w="1346" w:type="dxa"/>
            <w:shd w:val="clear" w:color="auto" w:fill="FCE6D2" w:themeFill="accent3" w:themeFillTint="33"/>
            <w:vAlign w:val="center"/>
          </w:tcPr>
          <w:p w14:paraId="187A8323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门课</w:t>
            </w:r>
          </w:p>
          <w:p w14:paraId="4C50E0BF" w14:textId="2F0585AC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学分</w:t>
            </w:r>
          </w:p>
        </w:tc>
        <w:tc>
          <w:tcPr>
            <w:tcW w:w="2551" w:type="dxa"/>
            <w:shd w:val="clear" w:color="auto" w:fill="FCE6D2" w:themeFill="accent3" w:themeFillTint="33"/>
            <w:vAlign w:val="center"/>
          </w:tcPr>
          <w:p w14:paraId="3D51056C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6849DA25" w14:textId="7777777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月2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</w:p>
          <w:p w14:paraId="55CADDF2" w14:textId="7442BC71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秋季学期： 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          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9月下旬-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521" w:type="dxa"/>
            <w:shd w:val="clear" w:color="auto" w:fill="FCE6D2" w:themeFill="accent3" w:themeFillTint="33"/>
            <w:vAlign w:val="center"/>
          </w:tcPr>
          <w:p w14:paraId="62B16F98" w14:textId="6FEACA39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59" w:type="dxa"/>
            <w:shd w:val="clear" w:color="auto" w:fill="FCE6D2" w:themeFill="accent3" w:themeFillTint="33"/>
            <w:vAlign w:val="center"/>
          </w:tcPr>
          <w:p w14:paraId="4C12FC86" w14:textId="0A7EA5A9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修一门课可获得学校官方成绩单和学分；完成4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6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745" w:type="dxa"/>
            <w:shd w:val="clear" w:color="auto" w:fill="FCE6D2" w:themeFill="accent3" w:themeFillTint="33"/>
            <w:vAlign w:val="center"/>
          </w:tcPr>
          <w:p w14:paraId="01E5D48E" w14:textId="77777777" w:rsidR="006A6BF1" w:rsidRPr="006A6BF1" w:rsidRDefault="006A6BF1" w:rsidP="006A6BF1">
            <w:pPr>
              <w:spacing w:beforeLines="20" w:before="48" w:line="360" w:lineRule="exact"/>
              <w:contextualSpacing/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6918007C" w14:textId="77777777" w:rsidR="006A6BF1" w:rsidRPr="006A6BF1" w:rsidRDefault="006A6BF1" w:rsidP="006A6BF1">
            <w:pPr>
              <w:spacing w:beforeLines="20" w:before="48" w:line="360" w:lineRule="exact"/>
              <w:contextualSpacing/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20美元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门</w:t>
            </w:r>
          </w:p>
          <w:p w14:paraId="0F6E8683" w14:textId="58D77807" w:rsidR="006A6BF1" w:rsidRPr="006A6BF1" w:rsidRDefault="006A6BF1" w:rsidP="006A6BF1">
            <w:pPr>
              <w:jc w:val="center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1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90美元</w:t>
            </w:r>
            <w:r w:rsidRPr="006A6BF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门</w:t>
            </w: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）</w:t>
            </w:r>
          </w:p>
        </w:tc>
      </w:tr>
      <w:tr w:rsidR="0003059B" w:rsidRPr="00192821" w14:paraId="2D459D1F" w14:textId="77777777" w:rsidTr="0003059B">
        <w:trPr>
          <w:jc w:val="center"/>
        </w:trPr>
        <w:tc>
          <w:tcPr>
            <w:tcW w:w="14322" w:type="dxa"/>
            <w:gridSpan w:val="8"/>
            <w:shd w:val="clear" w:color="auto" w:fill="B9D9F4" w:themeFill="accent1" w:themeFillTint="33"/>
            <w:vAlign w:val="center"/>
          </w:tcPr>
          <w:p w14:paraId="5620395E" w14:textId="2B0A3054" w:rsidR="0003059B" w:rsidRPr="0003059B" w:rsidRDefault="0003059B" w:rsidP="0003059B">
            <w:pPr>
              <w:snapToGrid w:val="0"/>
              <w:rPr>
                <w:rFonts w:ascii="等线" w:eastAsia="等线" w:hAnsi="等线" w:cs="Calibri"/>
                <w:b/>
                <w:bCs/>
                <w:color w:val="auto"/>
                <w:sz w:val="21"/>
                <w:szCs w:val="21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暑期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cyan"/>
                <w:lang w:eastAsia="zh-CN"/>
              </w:rPr>
              <w:t>实地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shd w:val="clear" w:color="auto" w:fill="B9D9F4" w:themeFill="text2" w:themeFillTint="33"/>
                <w:lang w:eastAsia="zh-CN"/>
              </w:rPr>
              <w:t>流项目</w:t>
            </w:r>
          </w:p>
        </w:tc>
      </w:tr>
      <w:tr w:rsidR="0003059B" w:rsidRPr="00192821" w14:paraId="63621D42" w14:textId="77777777" w:rsidTr="00D601DD">
        <w:trPr>
          <w:jc w:val="center"/>
        </w:trPr>
        <w:tc>
          <w:tcPr>
            <w:tcW w:w="1795" w:type="dxa"/>
          </w:tcPr>
          <w:p w14:paraId="4AB78810" w14:textId="39D48765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海外大学</w:t>
            </w:r>
          </w:p>
        </w:tc>
        <w:tc>
          <w:tcPr>
            <w:tcW w:w="1800" w:type="dxa"/>
          </w:tcPr>
          <w:p w14:paraId="7DEBA780" w14:textId="295AEE82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名称</w:t>
            </w:r>
          </w:p>
        </w:tc>
        <w:tc>
          <w:tcPr>
            <w:tcW w:w="2005" w:type="dxa"/>
          </w:tcPr>
          <w:p w14:paraId="5485C399" w14:textId="207CC047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语言要求</w:t>
            </w:r>
          </w:p>
        </w:tc>
        <w:tc>
          <w:tcPr>
            <w:tcW w:w="1346" w:type="dxa"/>
          </w:tcPr>
          <w:p w14:paraId="2AADA637" w14:textId="6CE92F78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数</w:t>
            </w:r>
          </w:p>
        </w:tc>
        <w:tc>
          <w:tcPr>
            <w:tcW w:w="2551" w:type="dxa"/>
          </w:tcPr>
          <w:p w14:paraId="62CE5974" w14:textId="48CEF9F7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214AB04D" w14:textId="47585DCF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课程形式</w:t>
            </w:r>
          </w:p>
        </w:tc>
        <w:tc>
          <w:tcPr>
            <w:tcW w:w="1559" w:type="dxa"/>
          </w:tcPr>
          <w:p w14:paraId="495A48CC" w14:textId="2413A950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收获</w:t>
            </w:r>
          </w:p>
        </w:tc>
        <w:tc>
          <w:tcPr>
            <w:tcW w:w="1745" w:type="dxa"/>
          </w:tcPr>
          <w:p w14:paraId="27A7973F" w14:textId="03D5445A" w:rsidR="0003059B" w:rsidRPr="00192821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</w:t>
            </w:r>
            <w:r w:rsidRPr="006A6BF1">
              <w:rPr>
                <w:rFonts w:ascii="等线" w:eastAsia="等线" w:hAnsi="等线" w:cs="Calibri" w:hint="eastAsia"/>
                <w:color w:val="auto"/>
                <w:highlight w:val="cyan"/>
                <w:lang w:eastAsia="zh-CN"/>
              </w:rPr>
              <w:t>参考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费用</w:t>
            </w:r>
          </w:p>
        </w:tc>
      </w:tr>
      <w:tr w:rsidR="0003059B" w:rsidRPr="00192821" w14:paraId="715E61A0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2DFA0A6F" w14:textId="77777777" w:rsidR="00003062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加州大学</w:t>
            </w:r>
          </w:p>
          <w:p w14:paraId="28EF2353" w14:textId="130E7DB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792AED5B" w14:textId="4D19CE7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交流项目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721213ED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0</w:t>
            </w:r>
          </w:p>
          <w:p w14:paraId="3A93587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</w:p>
          <w:p w14:paraId="41B6BB1B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4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93</w:t>
            </w:r>
          </w:p>
          <w:p w14:paraId="1A34D2C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6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  <w:p w14:paraId="7786D93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EM-4 70</w:t>
            </w:r>
          </w:p>
          <w:p w14:paraId="7EE0C3D3" w14:textId="0B47B9F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5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59B53DC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0FC57AF4" w14:textId="190FAC0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0946320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64F9E898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月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–8月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</w:t>
            </w:r>
          </w:p>
          <w:p w14:paraId="625CF5F2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月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–8月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</w:t>
            </w:r>
          </w:p>
          <w:p w14:paraId="260A9B83" w14:textId="23541FE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月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–7月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7FFCC541" w14:textId="6D57C1D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1F28588F" w14:textId="5AB463C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69DA28DC" w14:textId="5564506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,80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,800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br/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不同session费用不同，含住宿和保险</w:t>
            </w:r>
          </w:p>
        </w:tc>
      </w:tr>
      <w:tr w:rsidR="0003059B" w:rsidRPr="00192821" w14:paraId="6068FB3B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466BD3B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3586F85E" w14:textId="31A5BC7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15F3001F" w14:textId="3E3C08C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交流项目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2029BB8C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80 </w:t>
            </w:r>
          </w:p>
          <w:p w14:paraId="7C0CA9FF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</w:p>
          <w:p w14:paraId="2658742A" w14:textId="0CE2881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6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90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698A7AF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2A6D2D00" w14:textId="009D506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2E22F329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0DD7410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月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日–7月30日</w:t>
            </w:r>
          </w:p>
          <w:p w14:paraId="15E6029F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月2日–8月20日</w:t>
            </w:r>
          </w:p>
          <w:p w14:paraId="33FF468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月2日–9月10日</w:t>
            </w:r>
          </w:p>
          <w:p w14:paraId="39642640" w14:textId="634139B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月23日–9月10日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521C4981" w14:textId="584FF80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223CB50E" w14:textId="0EEC400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0DFA8FBD" w14:textId="1861FC1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,850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70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br/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不同session费用不同，含住宿和保险</w:t>
            </w:r>
          </w:p>
        </w:tc>
      </w:tr>
      <w:tr w:rsidR="0003059B" w:rsidRPr="00192821" w14:paraId="608022D2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28221618" w14:textId="1C3E835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伦敦大学学院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3EB66D1D" w14:textId="254211C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课程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72B1B3D8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79-100 </w:t>
            </w:r>
          </w:p>
          <w:p w14:paraId="264D658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6.0-7.0</w:t>
            </w:r>
          </w:p>
          <w:p w14:paraId="023C897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不同成绩</w:t>
            </w:r>
          </w:p>
          <w:p w14:paraId="7784B591" w14:textId="6773690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选课程不同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51906172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门课</w:t>
            </w:r>
          </w:p>
          <w:p w14:paraId="2AF73C9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.5 UCL</w:t>
            </w:r>
          </w:p>
          <w:p w14:paraId="3936792E" w14:textId="69DC2F1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3F07751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1C232D1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5日-7月23日</w:t>
            </w:r>
          </w:p>
          <w:p w14:paraId="0C84FD3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26日-8月13日</w:t>
            </w:r>
          </w:p>
          <w:p w14:paraId="79D3BD23" w14:textId="64F2A2C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5日-8月13日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4B0BE957" w14:textId="4B5BCC4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230391BD" w14:textId="1BB81EF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5AFABF0C" w14:textId="0189213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镑，含住宿和保险</w:t>
            </w:r>
          </w:p>
        </w:tc>
      </w:tr>
      <w:tr w:rsidR="0003059B" w:rsidRPr="00192821" w14:paraId="460A638B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1EDAD22D" w14:textId="0578E04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宾夕法尼亚大学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4BBDDB5E" w14:textId="09419D3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交流项目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353976D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0</w:t>
            </w:r>
          </w:p>
          <w:p w14:paraId="4D9588E1" w14:textId="7890D57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.0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675B363C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门课</w:t>
            </w:r>
          </w:p>
          <w:p w14:paraId="7CB0F082" w14:textId="313C988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个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7CB5439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2B07A416" w14:textId="50F001E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初–8月上旬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5F2EB961" w14:textId="2285DE5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1E8AB2D4" w14:textId="04AFD79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49FB3AC5" w14:textId="68EEC53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7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192821" w14:paraId="22990B83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104A52DB" w14:textId="2B100D5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哥伦比亚大学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0E595DE0" w14:textId="21DCBE5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交流项目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2C7DD8A2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0</w:t>
            </w:r>
          </w:p>
          <w:p w14:paraId="72EC82F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.0</w:t>
            </w:r>
          </w:p>
          <w:p w14:paraId="15730456" w14:textId="7668F57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20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339E288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门课</w:t>
            </w:r>
          </w:p>
          <w:p w14:paraId="787A264A" w14:textId="5586A45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个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295B1511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011BD6EE" w14:textId="2643EBE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月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–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日   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br/>
              <w:t>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日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– 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24110742" w14:textId="16BD64F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3C503B8E" w14:textId="7AD6469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6D098DFD" w14:textId="095F154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7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80美元，含住宿和保险</w:t>
            </w:r>
          </w:p>
        </w:tc>
      </w:tr>
      <w:tr w:rsidR="0003059B" w:rsidRPr="00192821" w14:paraId="53D7ADB8" w14:textId="77777777" w:rsidTr="004C03B2">
        <w:trPr>
          <w:jc w:val="center"/>
        </w:trPr>
        <w:tc>
          <w:tcPr>
            <w:tcW w:w="1795" w:type="dxa"/>
            <w:shd w:val="clear" w:color="auto" w:fill="F4DFEE" w:themeFill="accent2" w:themeFillTint="1A"/>
            <w:vAlign w:val="center"/>
          </w:tcPr>
          <w:p w14:paraId="29A9A5BC" w14:textId="1DC9C9D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约翰霍普金斯大学</w:t>
            </w:r>
          </w:p>
        </w:tc>
        <w:tc>
          <w:tcPr>
            <w:tcW w:w="1800" w:type="dxa"/>
            <w:shd w:val="clear" w:color="auto" w:fill="F4DFEE" w:themeFill="accent2" w:themeFillTint="1A"/>
            <w:vAlign w:val="center"/>
          </w:tcPr>
          <w:p w14:paraId="6C47F5B6" w14:textId="6151AB9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STEM学分交流项目</w:t>
            </w:r>
          </w:p>
        </w:tc>
        <w:tc>
          <w:tcPr>
            <w:tcW w:w="2005" w:type="dxa"/>
            <w:shd w:val="clear" w:color="auto" w:fill="F4DFEE" w:themeFill="accent2" w:themeFillTint="1A"/>
            <w:vAlign w:val="center"/>
          </w:tcPr>
          <w:p w14:paraId="15311302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0</w:t>
            </w:r>
          </w:p>
          <w:p w14:paraId="16B2E1F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.0</w:t>
            </w:r>
          </w:p>
          <w:p w14:paraId="1FAA2DD9" w14:textId="6793509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测试</w:t>
            </w:r>
          </w:p>
        </w:tc>
        <w:tc>
          <w:tcPr>
            <w:tcW w:w="1346" w:type="dxa"/>
            <w:shd w:val="clear" w:color="auto" w:fill="F4DFEE" w:themeFill="accent2" w:themeFillTint="1A"/>
            <w:vAlign w:val="center"/>
          </w:tcPr>
          <w:p w14:paraId="1988845C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-3门课</w:t>
            </w:r>
          </w:p>
          <w:p w14:paraId="5EAD9281" w14:textId="254A716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-7学分</w:t>
            </w:r>
          </w:p>
        </w:tc>
        <w:tc>
          <w:tcPr>
            <w:tcW w:w="2551" w:type="dxa"/>
            <w:shd w:val="clear" w:color="auto" w:fill="F4DFEE" w:themeFill="accent2" w:themeFillTint="1A"/>
            <w:vAlign w:val="center"/>
          </w:tcPr>
          <w:p w14:paraId="33EE185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：</w:t>
            </w:r>
          </w:p>
          <w:p w14:paraId="43DA534D" w14:textId="5027E4B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5日–8月5日</w:t>
            </w:r>
          </w:p>
        </w:tc>
        <w:tc>
          <w:tcPr>
            <w:tcW w:w="1521" w:type="dxa"/>
            <w:shd w:val="clear" w:color="auto" w:fill="F4DFEE" w:themeFill="accent2" w:themeFillTint="1A"/>
            <w:vAlign w:val="center"/>
          </w:tcPr>
          <w:p w14:paraId="29BA9527" w14:textId="257D518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</w:t>
            </w:r>
          </w:p>
        </w:tc>
        <w:tc>
          <w:tcPr>
            <w:tcW w:w="1559" w:type="dxa"/>
            <w:shd w:val="clear" w:color="auto" w:fill="F4DFEE" w:themeFill="accent2" w:themeFillTint="1A"/>
            <w:vAlign w:val="center"/>
          </w:tcPr>
          <w:p w14:paraId="75F8CD62" w14:textId="53ACE80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4DFEE" w:themeFill="accent2" w:themeFillTint="1A"/>
            <w:vAlign w:val="center"/>
          </w:tcPr>
          <w:p w14:paraId="64EC2F19" w14:textId="2B4F364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,300美元，含住宿和保险</w:t>
            </w:r>
          </w:p>
        </w:tc>
      </w:tr>
      <w:tr w:rsidR="0003059B" w:rsidRPr="00192821" w14:paraId="41F2E42D" w14:textId="77777777" w:rsidTr="0003059B">
        <w:trPr>
          <w:jc w:val="center"/>
        </w:trPr>
        <w:tc>
          <w:tcPr>
            <w:tcW w:w="14322" w:type="dxa"/>
            <w:gridSpan w:val="8"/>
            <w:shd w:val="clear" w:color="auto" w:fill="B9D9F4" w:themeFill="accent1" w:themeFillTint="33"/>
            <w:vAlign w:val="center"/>
          </w:tcPr>
          <w:p w14:paraId="11B40365" w14:textId="54AAE039" w:rsidR="0003059B" w:rsidRPr="008D10BF" w:rsidRDefault="0003059B" w:rsidP="0003059B">
            <w:pPr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lastRenderedPageBreak/>
              <w:t>秋季学期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cyan"/>
                <w:lang w:eastAsia="zh-CN"/>
              </w:rPr>
              <w:t>实地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shd w:val="clear" w:color="auto" w:fill="B9D9F4" w:themeFill="text2" w:themeFillTint="33"/>
                <w:lang w:eastAsia="zh-CN"/>
              </w:rPr>
              <w:t>流项目</w:t>
            </w:r>
          </w:p>
        </w:tc>
      </w:tr>
      <w:tr w:rsidR="0003059B" w:rsidRPr="00192821" w14:paraId="5C2C6875" w14:textId="77777777" w:rsidTr="00CB0402">
        <w:trPr>
          <w:jc w:val="center"/>
        </w:trPr>
        <w:tc>
          <w:tcPr>
            <w:tcW w:w="1795" w:type="dxa"/>
            <w:shd w:val="clear" w:color="auto" w:fill="auto"/>
          </w:tcPr>
          <w:p w14:paraId="31B64653" w14:textId="7595730E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海外大学</w:t>
            </w:r>
          </w:p>
        </w:tc>
        <w:tc>
          <w:tcPr>
            <w:tcW w:w="1800" w:type="dxa"/>
            <w:shd w:val="clear" w:color="auto" w:fill="auto"/>
          </w:tcPr>
          <w:p w14:paraId="38B4AAF4" w14:textId="016BDB7F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名称</w:t>
            </w:r>
          </w:p>
        </w:tc>
        <w:tc>
          <w:tcPr>
            <w:tcW w:w="2005" w:type="dxa"/>
            <w:shd w:val="clear" w:color="auto" w:fill="auto"/>
          </w:tcPr>
          <w:p w14:paraId="060F3374" w14:textId="21D050E9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语言要求</w:t>
            </w:r>
          </w:p>
        </w:tc>
        <w:tc>
          <w:tcPr>
            <w:tcW w:w="1346" w:type="dxa"/>
            <w:shd w:val="clear" w:color="auto" w:fill="auto"/>
          </w:tcPr>
          <w:p w14:paraId="10359055" w14:textId="4FBCAFD8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数</w:t>
            </w:r>
          </w:p>
        </w:tc>
        <w:tc>
          <w:tcPr>
            <w:tcW w:w="2551" w:type="dxa"/>
            <w:shd w:val="clear" w:color="auto" w:fill="auto"/>
          </w:tcPr>
          <w:p w14:paraId="71EEC047" w14:textId="14B2D577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交流时间</w:t>
            </w:r>
          </w:p>
        </w:tc>
        <w:tc>
          <w:tcPr>
            <w:tcW w:w="1521" w:type="dxa"/>
            <w:shd w:val="clear" w:color="auto" w:fill="auto"/>
          </w:tcPr>
          <w:p w14:paraId="6F5354DB" w14:textId="2BB3E5E3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课程形式</w:t>
            </w:r>
          </w:p>
        </w:tc>
        <w:tc>
          <w:tcPr>
            <w:tcW w:w="1559" w:type="dxa"/>
            <w:shd w:val="clear" w:color="auto" w:fill="auto"/>
          </w:tcPr>
          <w:p w14:paraId="6AEB5981" w14:textId="2F86FD06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收获</w:t>
            </w:r>
          </w:p>
        </w:tc>
        <w:tc>
          <w:tcPr>
            <w:tcW w:w="1745" w:type="dxa"/>
            <w:shd w:val="clear" w:color="auto" w:fill="auto"/>
          </w:tcPr>
          <w:p w14:paraId="13DCF815" w14:textId="77777777" w:rsidR="0003059B" w:rsidRPr="0003059B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项目</w:t>
            </w: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highlight w:val="cyan"/>
                <w:lang w:eastAsia="zh-CN"/>
              </w:rPr>
              <w:t>参考</w:t>
            </w: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费用</w:t>
            </w:r>
          </w:p>
          <w:p w14:paraId="61D5A51E" w14:textId="1D074785" w:rsidR="0003059B" w:rsidRPr="008D10BF" w:rsidRDefault="0003059B" w:rsidP="0003059B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根据2</w:t>
            </w:r>
            <w:r w:rsidRPr="0003059B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2</w:t>
            </w:r>
            <w:r w:rsidR="00281A6A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春季学期</w:t>
            </w:r>
            <w:r w:rsidRPr="0003059B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费用</w:t>
            </w:r>
            <w:r w:rsidRPr="00281A6A">
              <w:rPr>
                <w:rFonts w:ascii="等线" w:eastAsia="等线" w:hAnsi="等线" w:cs="Calibri" w:hint="eastAsia"/>
                <w:color w:val="auto"/>
                <w:sz w:val="18"/>
                <w:szCs w:val="18"/>
                <w:highlight w:val="yellow"/>
                <w:lang w:eastAsia="zh-CN"/>
              </w:rPr>
              <w:t>预估</w:t>
            </w:r>
          </w:p>
        </w:tc>
      </w:tr>
      <w:tr w:rsidR="0003059B" w:rsidRPr="0003059B" w14:paraId="24F70634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0EA26FC8" w14:textId="78BFB32C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015CC442" w14:textId="08A7077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5EE1BE0A" w14:textId="0AD59EA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多学科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4034E26F" w14:textId="5610515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90       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0          TEM 70 </w:t>
            </w:r>
          </w:p>
          <w:p w14:paraId="664EA96A" w14:textId="0883FCE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*CET4 550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*CET6 520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IELTS:6.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*TOEFL 80 </w:t>
            </w:r>
          </w:p>
          <w:p w14:paraId="1BC765FC" w14:textId="350DC1B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达到上述成绩需参加校方英语测试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3616E3B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5C45C7AB" w14:textId="272A93A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276F8C5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ACF29F0" w14:textId="7D68C10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4B2CF0B9" w14:textId="36C2CD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3FCC0F6A" w14:textId="6A511B7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17CCC039" w14:textId="449821F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7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281A6A" w:rsidRPr="0003059B" w14:paraId="2BEE2B8D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3D7E7D60" w14:textId="718D4ABA" w:rsidR="00281A6A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389CB36D" w14:textId="5478B39C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全球工程学</w:t>
            </w:r>
            <w:proofErr w:type="gramStart"/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分交流</w:t>
            </w:r>
            <w:proofErr w:type="gramEnd"/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358F5332" w14:textId="77777777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90         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0          </w:t>
            </w:r>
          </w:p>
          <w:p w14:paraId="6E9C377C" w14:textId="567771BD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无语言成绩可参加校方英语测试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3F5351ED" w14:textId="77777777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7A09768C" w14:textId="7A7ACB02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53CB0ABB" w14:textId="77777777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5815C548" w14:textId="2F677D47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63E2EB3" w14:textId="303DE25D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2A92772C" w14:textId="5121CDE5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4FF2AD46" w14:textId="18E4A84E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待定</w:t>
            </w:r>
          </w:p>
        </w:tc>
      </w:tr>
      <w:tr w:rsidR="00281A6A" w:rsidRPr="0003059B" w14:paraId="3A41B7BF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5CF6C178" w14:textId="17197136" w:rsidR="00281A6A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01690EE9" w14:textId="4618D2EC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创新创业与科技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41608B50" w14:textId="77777777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90         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0          </w:t>
            </w:r>
          </w:p>
          <w:p w14:paraId="366DACDA" w14:textId="2FCD6543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需同时参加校方远程面试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288D077B" w14:textId="75B29613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5F3455D4" w14:textId="77777777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4564C849" w14:textId="75CD9AD3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466460C0" w14:textId="6BB997AC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13E0837D" w14:textId="49FC879D" w:rsidR="00281A6A" w:rsidRPr="0003059B" w:rsidRDefault="00281A6A" w:rsidP="00281A6A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27210ECE" w14:textId="77EB5BB0" w:rsidR="00281A6A" w:rsidRPr="0003059B" w:rsidRDefault="00281A6A" w:rsidP="00281A6A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8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1973A0D0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3B58685B" w14:textId="129E7733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49A8408D" w14:textId="05D271E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人文社科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7567ED6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90         IELTS 7.0           TEM 70 </w:t>
            </w:r>
          </w:p>
          <w:p w14:paraId="2F0B5D63" w14:textId="42FD8EA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CET6 520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Duolingo 115</w:t>
            </w:r>
          </w:p>
          <w:p w14:paraId="56C144BA" w14:textId="6BCE5DB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需同时参加校方远程面试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6B2498B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4F7675CD" w14:textId="40BC2D7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0E2A0601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0E921856" w14:textId="7D3515E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5BC4D13" w14:textId="7896FC7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73E57D5C" w14:textId="5360334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460719BF" w14:textId="2C9C00B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1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49E5F776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4239D997" w14:textId="4FDCFC97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塔芭芭拉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405D3BC4" w14:textId="3DAFAF1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53CA93BC" w14:textId="72E2D66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80        IELTS 6.5         CET4 530        CET6 </w:t>
            </w:r>
            <w:proofErr w:type="gramStart"/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00  Duolingo</w:t>
            </w:r>
            <w:proofErr w:type="gramEnd"/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105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1578AD22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1D9282B8" w14:textId="5196A83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7611012B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8AD8425" w14:textId="0566BC0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3B334DD" w14:textId="1CF0001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1CFFEFAF" w14:textId="3E3F27E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219AC78C" w14:textId="6E48645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6,83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7BBDD696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288696AC" w14:textId="422D184E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7E65729A" w14:textId="4E4F1DF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戴维斯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14EA748F" w14:textId="4C3CC87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52E3919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6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80</w:t>
            </w:r>
          </w:p>
          <w:p w14:paraId="240BB5C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 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7</w:t>
            </w:r>
          </w:p>
          <w:p w14:paraId="01865A1C" w14:textId="7E06667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根据语言成绩决定需要上几门语言课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7EDB409C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1A3B9494" w14:textId="3C4AAD7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17ED6D66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7ABFB247" w14:textId="0A8A9A4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27274232" w14:textId="024C6BE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282345B7" w14:textId="48D56BC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6C36573E" w14:textId="543731F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4,74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3FF9F55F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3A27059B" w14:textId="6CA9AB18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地亚哥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060EEA2C" w14:textId="22C831B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053A4BD1" w14:textId="17E93E2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80        IELTS 6.5         Duolingo 95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6DD65C4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287B3C63" w14:textId="6EBED34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1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306E779A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AC862EE" w14:textId="18EF0CC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4880A72" w14:textId="25C9691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420583EB" w14:textId="3AD0449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68A2934E" w14:textId="0932288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4,95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44810A5E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667BDDFB" w14:textId="7851C8B6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宾夕法尼亚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38FFD8E6" w14:textId="0F8238A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4A30CCEA" w14:textId="4C7DACF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100        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0         Duolingo 120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57018631" w14:textId="1F80456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4D321349" w14:textId="7D1D0B0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5C9C145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51AAF0A" w14:textId="176A9EE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下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3BB9CC1A" w14:textId="1F96F90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61D7E77F" w14:textId="7DDC6E8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32D8DC1D" w14:textId="56E5B6C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0,23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71939386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28962BCF" w14:textId="50315871" w:rsidR="00003062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lastRenderedPageBreak/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明尼苏达大学</w:t>
            </w:r>
          </w:p>
          <w:p w14:paraId="3062EA68" w14:textId="78AFC655" w:rsidR="0003059B" w:rsidRPr="0003059B" w:rsidRDefault="0003059B" w:rsidP="00CB0402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双城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5DC77763" w14:textId="3914ED9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6774007A" w14:textId="09A6399D" w:rsidR="0003059B" w:rsidRPr="0003059B" w:rsidRDefault="0003059B" w:rsidP="004C03B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79</w:t>
            </w:r>
            <w:r w:rsidR="004C03B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6.5          </w:t>
            </w:r>
          </w:p>
          <w:p w14:paraId="68433CAF" w14:textId="2824814B" w:rsidR="0003059B" w:rsidRPr="0003059B" w:rsidRDefault="004C03B2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(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写作不达标</w:t>
            </w:r>
            <w:proofErr w:type="gramStart"/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需学习</w:t>
            </w:r>
            <w:proofErr w:type="gramEnd"/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一门ESL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)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;</w:t>
            </w:r>
          </w:p>
          <w:p w14:paraId="5C0C7D7E" w14:textId="2F61B091" w:rsidR="0003059B" w:rsidRPr="0003059B" w:rsidRDefault="0003059B" w:rsidP="004C03B2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CET4 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="004C03B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CET6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60</w:t>
            </w:r>
            <w:r w:rsidR="004C03B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Duolingo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10</w:t>
            </w:r>
          </w:p>
          <w:p w14:paraId="483C087A" w14:textId="3782D935" w:rsidR="0003059B" w:rsidRPr="0003059B" w:rsidRDefault="004C03B2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(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到校后需参加语言测试</w:t>
            </w:r>
            <w:r w:rsidR="0003059B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)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21DFF4C" w14:textId="1196241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1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6C61066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3D7CB52" w14:textId="600E671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89FD1EB" w14:textId="5EF960D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06450901" w14:textId="20041EE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21771CAB" w14:textId="2695D0B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2,09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4DDCCA19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1BFC5A6F" w14:textId="0CAA20A2" w:rsidR="00003062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威斯康星大学</w:t>
            </w:r>
          </w:p>
          <w:p w14:paraId="17F838E9" w14:textId="0349BD2D" w:rsidR="0003059B" w:rsidRPr="0003059B" w:rsidRDefault="0003059B" w:rsidP="00CB0402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麦迪逊分校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28ABEF3B" w14:textId="23E17BD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670560D4" w14:textId="429EE72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80        IELTS 6.5         Duolingo 105 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5460A046" w14:textId="1C0FF7F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-1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17A1F91F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9F16F8E" w14:textId="3BDEDE1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E51510F" w14:textId="008C496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709F884F" w14:textId="20E9856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333D3310" w14:textId="4B926FC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9,21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1E38BD46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1887F123" w14:textId="5984DB62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约翰霍普金斯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323A7C6B" w14:textId="73B04E7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08C3F143" w14:textId="6CE2D4A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100        IELTS 7.0     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600B4964" w14:textId="7E1D6A4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-1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4A98B119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2C0B680E" w14:textId="5ECEDF1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4CA3BC0C" w14:textId="4151CC2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407205D4" w14:textId="7A12AB1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71567E50" w14:textId="4D9B2FF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4,83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1AEF4CD5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359D212F" w14:textId="31FB9853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哥伦比亚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680ED6F9" w14:textId="35745BD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哥伦比亚学院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7689BDDA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100        IELTS 7.0</w:t>
            </w:r>
          </w:p>
          <w:p w14:paraId="1C59F290" w14:textId="4F3D336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120         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1BB4B90" w14:textId="39D1CD2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-1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333C522B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494EB791" w14:textId="2C2917C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6BE510DC" w14:textId="3F823D8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4DC4CA4C" w14:textId="027F572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1191A18D" w14:textId="265AD86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2,97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20124980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537915E8" w14:textId="06261EB3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亚利桑那州立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674A58E5" w14:textId="304A96A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41FC512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61-79        IELTS 6.0-6.5</w:t>
            </w:r>
          </w:p>
          <w:p w14:paraId="09A1F031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 95-105</w:t>
            </w:r>
          </w:p>
          <w:p w14:paraId="2A412D72" w14:textId="0CA0B9D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工程专业语言要求较高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2179499B" w14:textId="4A84CCD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-1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69820717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450974F5" w14:textId="3C56E43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6D8B6F2" w14:textId="6C7E945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12EF1086" w14:textId="4F0D661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78599767" w14:textId="1AAC549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7,26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16F47A86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0D519EEB" w14:textId="10F8C4F2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伦敦大学学院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0F4A6501" w14:textId="57729D4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3411A3B7" w14:textId="6309CD7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2-109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-7.5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23C280D8" w14:textId="29A4BB3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7B922323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77D59E61" w14:textId="305B013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929ED1E" w14:textId="2E4B16A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387A77BC" w14:textId="763BF09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4D5026FC" w14:textId="2695DCD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50英镑，含住宿和保险</w:t>
            </w:r>
          </w:p>
        </w:tc>
      </w:tr>
      <w:tr w:rsidR="0003059B" w:rsidRPr="0003059B" w14:paraId="697851B8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79461D17" w14:textId="2C15E44B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曼彻斯特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11D6FEA2" w14:textId="7E0FF2E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44E6D5BF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7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00</w:t>
            </w:r>
          </w:p>
          <w:p w14:paraId="7FF34951" w14:textId="66A2D90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7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335098AB" w14:textId="106CB6D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-4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约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35AE182A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35FDB5DB" w14:textId="72E1CB7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61367550" w14:textId="5B48582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013F6757" w14:textId="6F7683A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786C2FF2" w14:textId="6533E0E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20英镑，含住宿和保险</w:t>
            </w:r>
          </w:p>
        </w:tc>
      </w:tr>
      <w:tr w:rsidR="0003059B" w:rsidRPr="0003059B" w14:paraId="79D71C11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535A075D" w14:textId="45FE1C4E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爱丁堡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3FD95706" w14:textId="443EF1C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3DCF2EF9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92</w:t>
            </w:r>
          </w:p>
          <w:p w14:paraId="0FEC4BA9" w14:textId="5049D6B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 6.0-6.5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771F5AFF" w14:textId="3BBEA5D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-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门课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约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1BECD28B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08F2E938" w14:textId="6755E32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69E9B121" w14:textId="64F75183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453D2A23" w14:textId="30A57D3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568650D0" w14:textId="16639BE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7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镑，含住宿和保险</w:t>
            </w:r>
          </w:p>
        </w:tc>
      </w:tr>
      <w:tr w:rsidR="0003059B" w:rsidRPr="0003059B" w14:paraId="5B729898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02A84ACC" w14:textId="0AA2BA72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格拉斯哥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0D4A19F4" w14:textId="41BCEDF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080226D4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80</w:t>
            </w:r>
          </w:p>
          <w:p w14:paraId="6ED24EB3" w14:textId="55983D6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0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15222E8B" w14:textId="4C79511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-4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约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6528DF08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5B60490F" w14:textId="6C01238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7DFB7FE" w14:textId="02BCC1E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7CA24231" w14:textId="57C0FE2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77D25778" w14:textId="124887F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50英镑，含住宿和保险</w:t>
            </w:r>
          </w:p>
        </w:tc>
      </w:tr>
      <w:tr w:rsidR="00B54E8B" w:rsidRPr="0003059B" w14:paraId="26F9B7C3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78C87C78" w14:textId="19A016B1" w:rsidR="00B54E8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布里斯托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3E5C0F24" w14:textId="2D934843" w:rsidR="00B54E8B" w:rsidRPr="0003059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06480284" w14:textId="77777777" w:rsidR="00B54E8B" w:rsidRDefault="00B54E8B" w:rsidP="00B54E8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(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单项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)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单项6）</w:t>
            </w:r>
          </w:p>
          <w:p w14:paraId="6CBDA22E" w14:textId="13954312" w:rsidR="00B54E8B" w:rsidRPr="0003059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110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203B134" w14:textId="603AB718" w:rsidR="00B54E8B" w:rsidRPr="0003059B" w:rsidRDefault="00B54E8B" w:rsidP="00B54E8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8-24 UNSW学分/学期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478EFE57" w14:textId="77777777" w:rsidR="00B54E8B" w:rsidRPr="0003059B" w:rsidRDefault="00B54E8B" w:rsidP="00B54E8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22B1E059" w14:textId="53C03BA7" w:rsidR="00B54E8B" w:rsidRPr="0003059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9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CF8829D" w14:textId="10BD4CAA" w:rsidR="00B54E8B" w:rsidRPr="0003059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04B77111" w14:textId="4932C4D0" w:rsidR="00B54E8B" w:rsidRPr="0003059B" w:rsidRDefault="00B54E8B" w:rsidP="00B54E8B">
            <w:pPr>
              <w:jc w:val="center"/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0C795D37" w14:textId="3BB53C19" w:rsidR="00B54E8B" w:rsidRPr="0003059B" w:rsidRDefault="00B54E8B" w:rsidP="00B54E8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,52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03059B" w:rsidRPr="0003059B" w14:paraId="7C519E0C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04395100" w14:textId="77777777" w:rsidR="00B54E8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爱尔兰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都柏林</w:t>
            </w:r>
          </w:p>
          <w:p w14:paraId="1C3D73BE" w14:textId="69693594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三一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7C8DF778" w14:textId="35442B58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6D5BA051" w14:textId="133F957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 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6F2228A7" w14:textId="4CEB329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15-19学分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76016B54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0C7E77CC" w14:textId="2F7F5B7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6AC67A97" w14:textId="43E5D2D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5B59D682" w14:textId="6D5CFCAF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2087298C" w14:textId="7F80D01B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0,735美元，含住宿和保险</w:t>
            </w:r>
          </w:p>
        </w:tc>
      </w:tr>
      <w:tr w:rsidR="0003059B" w:rsidRPr="0003059B" w14:paraId="036CEE3B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024B518E" w14:textId="7FC5A14E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澳大利亚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昆士兰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1E84769A" w14:textId="0E2B8D1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5AC6A665" w14:textId="37D01EC5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7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463931A0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</w:p>
          <w:p w14:paraId="11EA673B" w14:textId="1B319A9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-10昆士兰学分/学期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5904A065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6887038B" w14:textId="0E16688A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E9FE5C8" w14:textId="117126A1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773EEDEA" w14:textId="5F1F801C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443A160E" w14:textId="073C9D1D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4,010澳元，含住宿和保险</w:t>
            </w:r>
          </w:p>
        </w:tc>
      </w:tr>
      <w:tr w:rsidR="0003059B" w:rsidRPr="0003059B" w14:paraId="0379E2A0" w14:textId="77777777" w:rsidTr="004C03B2">
        <w:trPr>
          <w:jc w:val="center"/>
        </w:trPr>
        <w:tc>
          <w:tcPr>
            <w:tcW w:w="1795" w:type="dxa"/>
            <w:shd w:val="clear" w:color="auto" w:fill="F2F2F2" w:themeFill="background1" w:themeFillShade="F2"/>
            <w:vAlign w:val="center"/>
          </w:tcPr>
          <w:p w14:paraId="35BB371C" w14:textId="3FA3A6F2" w:rsidR="0003059B" w:rsidRPr="0003059B" w:rsidRDefault="00B54E8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澳大利亚</w:t>
            </w:r>
            <w:r w:rsidR="0003059B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新南威尔士大学</w:t>
            </w:r>
          </w:p>
        </w:tc>
        <w:tc>
          <w:tcPr>
            <w:tcW w:w="1800" w:type="dxa"/>
            <w:shd w:val="clear" w:color="auto" w:fill="F2F2F2" w:themeFill="background1" w:themeFillShade="F2"/>
            <w:vAlign w:val="center"/>
          </w:tcPr>
          <w:p w14:paraId="6A3E0DC1" w14:textId="27CEB0E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005" w:type="dxa"/>
            <w:shd w:val="clear" w:color="auto" w:fill="F2F2F2" w:themeFill="background1" w:themeFillShade="F2"/>
            <w:vAlign w:val="center"/>
          </w:tcPr>
          <w:p w14:paraId="69A2841F" w14:textId="3F6437A0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 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</w:tc>
        <w:tc>
          <w:tcPr>
            <w:tcW w:w="1346" w:type="dxa"/>
            <w:shd w:val="clear" w:color="auto" w:fill="F2F2F2" w:themeFill="background1" w:themeFillShade="F2"/>
            <w:vAlign w:val="center"/>
          </w:tcPr>
          <w:p w14:paraId="1AB37F64" w14:textId="02B6BC16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8-24 UNSW学分/学期</w:t>
            </w:r>
          </w:p>
        </w:tc>
        <w:tc>
          <w:tcPr>
            <w:tcW w:w="2551" w:type="dxa"/>
            <w:shd w:val="clear" w:color="auto" w:fill="F2F2F2" w:themeFill="background1" w:themeFillShade="F2"/>
            <w:vAlign w:val="center"/>
          </w:tcPr>
          <w:p w14:paraId="375A4BFE" w14:textId="77777777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732AE8E8" w14:textId="1F0CA032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9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月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5035F45B" w14:textId="7D4013AE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实地授课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40EC2C70" w14:textId="5682A74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745" w:type="dxa"/>
            <w:shd w:val="clear" w:color="auto" w:fill="F2F2F2" w:themeFill="background1" w:themeFillShade="F2"/>
            <w:vAlign w:val="center"/>
          </w:tcPr>
          <w:p w14:paraId="3F719550" w14:textId="426A6EC9" w:rsidR="0003059B" w:rsidRPr="0003059B" w:rsidRDefault="0003059B" w:rsidP="0003059B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1,760澳元，含住宿和保险</w:t>
            </w:r>
          </w:p>
        </w:tc>
      </w:tr>
    </w:tbl>
    <w:p w14:paraId="240E3711" w14:textId="38354124" w:rsidR="00495DC2" w:rsidRPr="006E6B37" w:rsidRDefault="00495DC2" w:rsidP="00495DC2">
      <w:pPr>
        <w:tabs>
          <w:tab w:val="left" w:pos="541"/>
        </w:tabs>
        <w:kinsoku w:val="0"/>
        <w:overflowPunct w:val="0"/>
        <w:spacing w:before="1"/>
        <w:ind w:right="210"/>
        <w:rPr>
          <w:rFonts w:asciiTheme="minorEastAsia" w:hAnsiTheme="minorEastAsia" w:cs="Calibri"/>
          <w:kern w:val="2"/>
          <w:sz w:val="18"/>
          <w:szCs w:val="18"/>
          <w:lang w:eastAsia="zh-CN"/>
        </w:rPr>
      </w:pP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*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欢迎同学扫码（首页右上角）加入项目咨询Q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Q群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（群号：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125478542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）获取更多项目信息及宣讲会安排（</w:t>
      </w:r>
      <w:proofErr w:type="gramStart"/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加群请</w:t>
      </w:r>
      <w:proofErr w:type="gramEnd"/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备注国内大学+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姓名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）</w:t>
      </w:r>
    </w:p>
    <w:p w14:paraId="5A9473AE" w14:textId="17080685" w:rsidR="00495DC2" w:rsidRPr="00495DC2" w:rsidRDefault="00495DC2" w:rsidP="00495DC2">
      <w:pPr>
        <w:spacing w:after="0" w:line="240" w:lineRule="auto"/>
        <w:rPr>
          <w:rFonts w:asciiTheme="minorEastAsia" w:hAnsiTheme="minorEastAsia" w:cs="Calibri"/>
          <w:kern w:val="2"/>
          <w:sz w:val="18"/>
          <w:szCs w:val="18"/>
          <w:lang w:eastAsia="zh-CN"/>
        </w:rPr>
      </w:pPr>
      <w:r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部分项目费用还在更新中，表中列出费用为参考费用。详情请随时关注SAF网站及QQ群内信息。</w:t>
      </w:r>
    </w:p>
    <w:sectPr w:rsidR="00495DC2" w:rsidRPr="00495DC2">
      <w:headerReference w:type="default" r:id="rId11"/>
      <w:headerReference w:type="first" r:id="rId12"/>
      <w:footerReference w:type="first" r:id="rId13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FFE9F1" w14:textId="77777777" w:rsidR="001C04C6" w:rsidRDefault="001C04C6">
      <w:pPr>
        <w:spacing w:after="0" w:line="240" w:lineRule="auto"/>
      </w:pPr>
      <w:r>
        <w:separator/>
      </w:r>
    </w:p>
  </w:endnote>
  <w:endnote w:type="continuationSeparator" w:id="0">
    <w:p w14:paraId="315C4235" w14:textId="77777777" w:rsidR="001C04C6" w:rsidRDefault="001C04C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libri"/>
    <w:charset w:val="00"/>
    <w:family w:val="swiss"/>
    <w:pitch w:val="variable"/>
    <w:sig w:usb0="E00002FF" w:usb1="4000001F" w:usb2="08000029" w:usb3="00000000" w:csb0="00000001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charset w:val="00"/>
    <w:family w:val="auto"/>
    <w:pitch w:val="variable"/>
    <w:sig w:usb0="800000A7" w:usb1="00000043" w:usb2="00000000" w:usb3="00000000" w:csb0="0000000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EndPr/>
    <w:sdtContent>
      <w:p w14:paraId="0EEF78A0" w14:textId="79C733D3" w:rsidR="00EF6A81" w:rsidRDefault="00EF6A81">
        <w:pPr>
          <w:pStyle w:val="a5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369D435" w14:textId="77777777" w:rsidR="001C04C6" w:rsidRDefault="001C04C6">
      <w:pPr>
        <w:spacing w:after="0" w:line="240" w:lineRule="auto"/>
      </w:pPr>
      <w:r>
        <w:separator/>
      </w:r>
    </w:p>
  </w:footnote>
  <w:footnote w:type="continuationSeparator" w:id="0">
    <w:p w14:paraId="454A0726" w14:textId="77777777" w:rsidR="001C04C6" w:rsidRDefault="001C04C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 wp14:anchorId="6EC5A8EF" wp14:editId="2FEEBD74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573E3BAD" w:rsidR="0065439E" w:rsidRDefault="00645614">
    <w:pPr>
      <w:pStyle w:val="a7"/>
    </w:pPr>
    <w:r w:rsidRPr="00D437D4">
      <w:rPr>
        <w:noProof/>
        <w:lang w:eastAsia="zh-CN"/>
      </w:rPr>
      <w:drawing>
        <wp:anchor distT="0" distB="0" distL="114300" distR="114300" simplePos="0" relativeHeight="251673600" behindDoc="1" locked="0" layoutInCell="1" allowOverlap="1" wp14:anchorId="098431A5" wp14:editId="089ECDE3">
          <wp:simplePos x="0" y="0"/>
          <wp:positionH relativeFrom="column">
            <wp:posOffset>8278837</wp:posOffset>
          </wp:positionH>
          <wp:positionV relativeFrom="paragraph">
            <wp:posOffset>-372794</wp:posOffset>
          </wp:positionV>
          <wp:extent cx="660693" cy="660693"/>
          <wp:effectExtent l="0" t="0" r="6350" b="6350"/>
          <wp:wrapNone/>
          <wp:docPr id="3" name="图片 3" descr="QR 代码&#10;&#10;描述已自动生成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图片 3" descr="QR 代码&#10;&#10;描述已自动生成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660693" cy="66069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="0065439E">
      <w:rPr>
        <w:noProof/>
        <w:lang w:eastAsia="zh-CN"/>
      </w:rPr>
      <w:drawing>
        <wp:anchor distT="0" distB="0" distL="114300" distR="114300" simplePos="0" relativeHeight="251671552" behindDoc="1" locked="0" layoutInCell="1" allowOverlap="1" wp14:anchorId="74E6E2E1" wp14:editId="29D12326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num w:numId="1">
    <w:abstractNumId w:val="2"/>
  </w:num>
  <w:num w:numId="2">
    <w:abstractNumId w:val="3"/>
  </w:num>
  <w:num w:numId="3">
    <w:abstractNumId w:val="0"/>
  </w:num>
  <w:num w:numId="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isplayBackgroundShape/>
  <w:bordersDoNotSurroundHeader/>
  <w:bordersDoNotSurroundFooter/>
  <w:proofState w:spelling="clean" w:grammar="clean"/>
  <w:defaultTabStop w:val="720"/>
  <w:characterSpacingControl w:val="doNotCompress"/>
  <w:hdrShapeDefaults>
    <o:shapedefaults v:ext="edit" spidmax="2050">
      <o:colormru v:ext="edit" colors="#009fc4,#00323e,#01333d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MDA0MzM2MjExMrQ0N7ZQ0lEKTi0uzszPAykwrAUA5/lUFSwAAAA="/>
  </w:docVars>
  <w:rsids>
    <w:rsidRoot w:val="00E25A15"/>
    <w:rsid w:val="000004A7"/>
    <w:rsid w:val="00003062"/>
    <w:rsid w:val="000055A1"/>
    <w:rsid w:val="00007433"/>
    <w:rsid w:val="000139E9"/>
    <w:rsid w:val="0001490D"/>
    <w:rsid w:val="000202BA"/>
    <w:rsid w:val="0002363F"/>
    <w:rsid w:val="00024757"/>
    <w:rsid w:val="00026242"/>
    <w:rsid w:val="0003059B"/>
    <w:rsid w:val="00033C0D"/>
    <w:rsid w:val="00036CBE"/>
    <w:rsid w:val="000414E7"/>
    <w:rsid w:val="00053EF4"/>
    <w:rsid w:val="000543B6"/>
    <w:rsid w:val="00067ADD"/>
    <w:rsid w:val="0007177B"/>
    <w:rsid w:val="00071856"/>
    <w:rsid w:val="000837F1"/>
    <w:rsid w:val="000848A7"/>
    <w:rsid w:val="00087DB8"/>
    <w:rsid w:val="00091340"/>
    <w:rsid w:val="0009246C"/>
    <w:rsid w:val="0009619A"/>
    <w:rsid w:val="00097493"/>
    <w:rsid w:val="000A25E1"/>
    <w:rsid w:val="000A3A5C"/>
    <w:rsid w:val="000A6E51"/>
    <w:rsid w:val="000C517E"/>
    <w:rsid w:val="000D03C2"/>
    <w:rsid w:val="000D0B22"/>
    <w:rsid w:val="000D47FB"/>
    <w:rsid w:val="000D7DF7"/>
    <w:rsid w:val="000D7EA2"/>
    <w:rsid w:val="000E1DBC"/>
    <w:rsid w:val="000E4355"/>
    <w:rsid w:val="000E5454"/>
    <w:rsid w:val="000F0C83"/>
    <w:rsid w:val="000F1229"/>
    <w:rsid w:val="00100BC7"/>
    <w:rsid w:val="00104636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4065E"/>
    <w:rsid w:val="0014247F"/>
    <w:rsid w:val="00150C87"/>
    <w:rsid w:val="00151E0E"/>
    <w:rsid w:val="001551AC"/>
    <w:rsid w:val="001561B1"/>
    <w:rsid w:val="00156F68"/>
    <w:rsid w:val="00157637"/>
    <w:rsid w:val="00162434"/>
    <w:rsid w:val="0016637A"/>
    <w:rsid w:val="0016667F"/>
    <w:rsid w:val="00176CEB"/>
    <w:rsid w:val="00181128"/>
    <w:rsid w:val="00182D53"/>
    <w:rsid w:val="00182FE1"/>
    <w:rsid w:val="00186659"/>
    <w:rsid w:val="001868E7"/>
    <w:rsid w:val="001916E6"/>
    <w:rsid w:val="00192135"/>
    <w:rsid w:val="00192821"/>
    <w:rsid w:val="001929F9"/>
    <w:rsid w:val="00195074"/>
    <w:rsid w:val="00197AAC"/>
    <w:rsid w:val="001A714C"/>
    <w:rsid w:val="001B5AC5"/>
    <w:rsid w:val="001B7791"/>
    <w:rsid w:val="001C04C6"/>
    <w:rsid w:val="001C53A4"/>
    <w:rsid w:val="001C5761"/>
    <w:rsid w:val="001C64E0"/>
    <w:rsid w:val="001C6AEE"/>
    <w:rsid w:val="001C7178"/>
    <w:rsid w:val="001E3CB2"/>
    <w:rsid w:val="001E42AD"/>
    <w:rsid w:val="001E5F7E"/>
    <w:rsid w:val="001E6568"/>
    <w:rsid w:val="001F11B4"/>
    <w:rsid w:val="001F167F"/>
    <w:rsid w:val="002030CE"/>
    <w:rsid w:val="00204780"/>
    <w:rsid w:val="002125DF"/>
    <w:rsid w:val="00212E64"/>
    <w:rsid w:val="0021606B"/>
    <w:rsid w:val="0021644F"/>
    <w:rsid w:val="0021668C"/>
    <w:rsid w:val="002202E6"/>
    <w:rsid w:val="00223EAC"/>
    <w:rsid w:val="0022583D"/>
    <w:rsid w:val="00232E14"/>
    <w:rsid w:val="00243342"/>
    <w:rsid w:val="002508FF"/>
    <w:rsid w:val="00250C77"/>
    <w:rsid w:val="00250DC1"/>
    <w:rsid w:val="00257D07"/>
    <w:rsid w:val="00273C50"/>
    <w:rsid w:val="00275E8E"/>
    <w:rsid w:val="00281A6A"/>
    <w:rsid w:val="00281AF3"/>
    <w:rsid w:val="0028500B"/>
    <w:rsid w:val="00285791"/>
    <w:rsid w:val="0028695C"/>
    <w:rsid w:val="0028710C"/>
    <w:rsid w:val="00296042"/>
    <w:rsid w:val="002A0E09"/>
    <w:rsid w:val="002A4DA6"/>
    <w:rsid w:val="002B17B5"/>
    <w:rsid w:val="002B6107"/>
    <w:rsid w:val="002B69AB"/>
    <w:rsid w:val="002B7389"/>
    <w:rsid w:val="002C0F28"/>
    <w:rsid w:val="002C4955"/>
    <w:rsid w:val="002D0D00"/>
    <w:rsid w:val="002D1837"/>
    <w:rsid w:val="002D35F4"/>
    <w:rsid w:val="002E168A"/>
    <w:rsid w:val="002E241D"/>
    <w:rsid w:val="002E6E61"/>
    <w:rsid w:val="002F023F"/>
    <w:rsid w:val="002F1128"/>
    <w:rsid w:val="002F124D"/>
    <w:rsid w:val="002F4DAC"/>
    <w:rsid w:val="002F713C"/>
    <w:rsid w:val="00306445"/>
    <w:rsid w:val="00307A66"/>
    <w:rsid w:val="00310C48"/>
    <w:rsid w:val="00314D1B"/>
    <w:rsid w:val="00321B81"/>
    <w:rsid w:val="00322723"/>
    <w:rsid w:val="00323C24"/>
    <w:rsid w:val="00332ABF"/>
    <w:rsid w:val="00334B38"/>
    <w:rsid w:val="0033689B"/>
    <w:rsid w:val="00342076"/>
    <w:rsid w:val="00347F10"/>
    <w:rsid w:val="00350FBA"/>
    <w:rsid w:val="00366092"/>
    <w:rsid w:val="00370C13"/>
    <w:rsid w:val="00371990"/>
    <w:rsid w:val="0038397D"/>
    <w:rsid w:val="00387F9D"/>
    <w:rsid w:val="00395775"/>
    <w:rsid w:val="0039680E"/>
    <w:rsid w:val="00397008"/>
    <w:rsid w:val="003A2729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4F50"/>
    <w:rsid w:val="003F5D89"/>
    <w:rsid w:val="003F7F0A"/>
    <w:rsid w:val="00400425"/>
    <w:rsid w:val="004039F6"/>
    <w:rsid w:val="00410D43"/>
    <w:rsid w:val="004146EC"/>
    <w:rsid w:val="0041486E"/>
    <w:rsid w:val="00415BA4"/>
    <w:rsid w:val="00420B8A"/>
    <w:rsid w:val="00421DEA"/>
    <w:rsid w:val="004255F9"/>
    <w:rsid w:val="00426FFF"/>
    <w:rsid w:val="00431500"/>
    <w:rsid w:val="004442A7"/>
    <w:rsid w:val="00450057"/>
    <w:rsid w:val="00450B2C"/>
    <w:rsid w:val="00452890"/>
    <w:rsid w:val="0045585F"/>
    <w:rsid w:val="004601D9"/>
    <w:rsid w:val="0046071A"/>
    <w:rsid w:val="004657F5"/>
    <w:rsid w:val="00471B46"/>
    <w:rsid w:val="004739C8"/>
    <w:rsid w:val="0048336B"/>
    <w:rsid w:val="00485DA5"/>
    <w:rsid w:val="00493D51"/>
    <w:rsid w:val="00494FF1"/>
    <w:rsid w:val="00495DC2"/>
    <w:rsid w:val="0049743C"/>
    <w:rsid w:val="00497F6A"/>
    <w:rsid w:val="004A1BD8"/>
    <w:rsid w:val="004B001A"/>
    <w:rsid w:val="004B0025"/>
    <w:rsid w:val="004B5DA0"/>
    <w:rsid w:val="004C03B2"/>
    <w:rsid w:val="004C5A50"/>
    <w:rsid w:val="004D5C57"/>
    <w:rsid w:val="004E29B4"/>
    <w:rsid w:val="004F4E7F"/>
    <w:rsid w:val="004F6186"/>
    <w:rsid w:val="0050535D"/>
    <w:rsid w:val="005124BC"/>
    <w:rsid w:val="005138C8"/>
    <w:rsid w:val="00514E0B"/>
    <w:rsid w:val="00515E1A"/>
    <w:rsid w:val="005257D6"/>
    <w:rsid w:val="00530DE6"/>
    <w:rsid w:val="005310F0"/>
    <w:rsid w:val="0053535E"/>
    <w:rsid w:val="005375E6"/>
    <w:rsid w:val="0054041C"/>
    <w:rsid w:val="005503AB"/>
    <w:rsid w:val="00551958"/>
    <w:rsid w:val="00551F62"/>
    <w:rsid w:val="005606D8"/>
    <w:rsid w:val="005647E5"/>
    <w:rsid w:val="00576590"/>
    <w:rsid w:val="00584482"/>
    <w:rsid w:val="00585FF2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D3EA0"/>
    <w:rsid w:val="005D6764"/>
    <w:rsid w:val="005E0DCD"/>
    <w:rsid w:val="005F056B"/>
    <w:rsid w:val="005F13C0"/>
    <w:rsid w:val="005F326A"/>
    <w:rsid w:val="005F7E52"/>
    <w:rsid w:val="005F7F43"/>
    <w:rsid w:val="006022B0"/>
    <w:rsid w:val="0060232F"/>
    <w:rsid w:val="00612DB9"/>
    <w:rsid w:val="00614EF8"/>
    <w:rsid w:val="00620CE5"/>
    <w:rsid w:val="0062744A"/>
    <w:rsid w:val="00630C2B"/>
    <w:rsid w:val="00631B7F"/>
    <w:rsid w:val="00631BB5"/>
    <w:rsid w:val="00635253"/>
    <w:rsid w:val="00637357"/>
    <w:rsid w:val="00642B21"/>
    <w:rsid w:val="0064307D"/>
    <w:rsid w:val="00645614"/>
    <w:rsid w:val="0064677C"/>
    <w:rsid w:val="00650FFE"/>
    <w:rsid w:val="0065439E"/>
    <w:rsid w:val="00657DF2"/>
    <w:rsid w:val="00660DEA"/>
    <w:rsid w:val="0066329D"/>
    <w:rsid w:val="006703D9"/>
    <w:rsid w:val="0067378C"/>
    <w:rsid w:val="0068082D"/>
    <w:rsid w:val="00682A76"/>
    <w:rsid w:val="006A164D"/>
    <w:rsid w:val="006A1FE3"/>
    <w:rsid w:val="006A3A84"/>
    <w:rsid w:val="006A3DB2"/>
    <w:rsid w:val="006A4E35"/>
    <w:rsid w:val="006A6BF1"/>
    <w:rsid w:val="006A78E4"/>
    <w:rsid w:val="006B08FF"/>
    <w:rsid w:val="006B1E40"/>
    <w:rsid w:val="006B2933"/>
    <w:rsid w:val="006B3E95"/>
    <w:rsid w:val="006B459C"/>
    <w:rsid w:val="006B60DA"/>
    <w:rsid w:val="006B72CC"/>
    <w:rsid w:val="006D0C16"/>
    <w:rsid w:val="006D102B"/>
    <w:rsid w:val="006D1675"/>
    <w:rsid w:val="006D300A"/>
    <w:rsid w:val="006D4669"/>
    <w:rsid w:val="006E2F12"/>
    <w:rsid w:val="006E5FBA"/>
    <w:rsid w:val="006E6B37"/>
    <w:rsid w:val="006F5FBF"/>
    <w:rsid w:val="006F617A"/>
    <w:rsid w:val="0070017B"/>
    <w:rsid w:val="007013A0"/>
    <w:rsid w:val="00717BC7"/>
    <w:rsid w:val="00720F03"/>
    <w:rsid w:val="0072117B"/>
    <w:rsid w:val="00721277"/>
    <w:rsid w:val="007228A4"/>
    <w:rsid w:val="00723DAB"/>
    <w:rsid w:val="007249E5"/>
    <w:rsid w:val="00730F3B"/>
    <w:rsid w:val="0073250F"/>
    <w:rsid w:val="00733715"/>
    <w:rsid w:val="00734F19"/>
    <w:rsid w:val="00735109"/>
    <w:rsid w:val="007364D8"/>
    <w:rsid w:val="00743006"/>
    <w:rsid w:val="00743C4B"/>
    <w:rsid w:val="00753049"/>
    <w:rsid w:val="00753E03"/>
    <w:rsid w:val="007563EB"/>
    <w:rsid w:val="00762D93"/>
    <w:rsid w:val="00763018"/>
    <w:rsid w:val="0076335D"/>
    <w:rsid w:val="00765250"/>
    <w:rsid w:val="007654CF"/>
    <w:rsid w:val="007762FC"/>
    <w:rsid w:val="007876B9"/>
    <w:rsid w:val="00793C44"/>
    <w:rsid w:val="00795FF0"/>
    <w:rsid w:val="007A014F"/>
    <w:rsid w:val="007A6479"/>
    <w:rsid w:val="007B5ECF"/>
    <w:rsid w:val="007C061E"/>
    <w:rsid w:val="007C0D18"/>
    <w:rsid w:val="007C564C"/>
    <w:rsid w:val="007C6C46"/>
    <w:rsid w:val="007D123D"/>
    <w:rsid w:val="007D701B"/>
    <w:rsid w:val="007E00BC"/>
    <w:rsid w:val="007E3A6F"/>
    <w:rsid w:val="007E71F3"/>
    <w:rsid w:val="007F1E4B"/>
    <w:rsid w:val="007F2CB3"/>
    <w:rsid w:val="007F6438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3592C"/>
    <w:rsid w:val="00840301"/>
    <w:rsid w:val="00842FE2"/>
    <w:rsid w:val="00844028"/>
    <w:rsid w:val="00854BA3"/>
    <w:rsid w:val="00857F84"/>
    <w:rsid w:val="00860863"/>
    <w:rsid w:val="00864403"/>
    <w:rsid w:val="008674C7"/>
    <w:rsid w:val="008718DB"/>
    <w:rsid w:val="00871FDF"/>
    <w:rsid w:val="0087289D"/>
    <w:rsid w:val="00872A13"/>
    <w:rsid w:val="00872ED8"/>
    <w:rsid w:val="0087567F"/>
    <w:rsid w:val="00875C81"/>
    <w:rsid w:val="00890102"/>
    <w:rsid w:val="00891252"/>
    <w:rsid w:val="00892885"/>
    <w:rsid w:val="008933D2"/>
    <w:rsid w:val="00894E8C"/>
    <w:rsid w:val="008A1A3A"/>
    <w:rsid w:val="008A2288"/>
    <w:rsid w:val="008A5ADE"/>
    <w:rsid w:val="008A7165"/>
    <w:rsid w:val="008B156C"/>
    <w:rsid w:val="008B2BF6"/>
    <w:rsid w:val="008B527D"/>
    <w:rsid w:val="008B6634"/>
    <w:rsid w:val="008B6C3E"/>
    <w:rsid w:val="008C0357"/>
    <w:rsid w:val="008C36C6"/>
    <w:rsid w:val="008C4B07"/>
    <w:rsid w:val="008D0DB4"/>
    <w:rsid w:val="008D10BF"/>
    <w:rsid w:val="008D299D"/>
    <w:rsid w:val="008D2C66"/>
    <w:rsid w:val="008E20B4"/>
    <w:rsid w:val="008E5EE6"/>
    <w:rsid w:val="008E74F6"/>
    <w:rsid w:val="008F0C2F"/>
    <w:rsid w:val="008F38B3"/>
    <w:rsid w:val="008F3DC2"/>
    <w:rsid w:val="008F72C4"/>
    <w:rsid w:val="00902ACB"/>
    <w:rsid w:val="00910A41"/>
    <w:rsid w:val="00914910"/>
    <w:rsid w:val="0091627B"/>
    <w:rsid w:val="00917DBC"/>
    <w:rsid w:val="0092008B"/>
    <w:rsid w:val="009212BF"/>
    <w:rsid w:val="00923607"/>
    <w:rsid w:val="009243F7"/>
    <w:rsid w:val="00924E12"/>
    <w:rsid w:val="0093300C"/>
    <w:rsid w:val="00933095"/>
    <w:rsid w:val="0093785E"/>
    <w:rsid w:val="00937CF1"/>
    <w:rsid w:val="00943254"/>
    <w:rsid w:val="00944C2A"/>
    <w:rsid w:val="00953E0F"/>
    <w:rsid w:val="009608EC"/>
    <w:rsid w:val="00963219"/>
    <w:rsid w:val="009667F5"/>
    <w:rsid w:val="0097025E"/>
    <w:rsid w:val="00971E59"/>
    <w:rsid w:val="00971EFA"/>
    <w:rsid w:val="0097214A"/>
    <w:rsid w:val="009724E3"/>
    <w:rsid w:val="009829D1"/>
    <w:rsid w:val="00987117"/>
    <w:rsid w:val="009A0828"/>
    <w:rsid w:val="009A470C"/>
    <w:rsid w:val="009A5038"/>
    <w:rsid w:val="009B3D37"/>
    <w:rsid w:val="009B501E"/>
    <w:rsid w:val="009B6F68"/>
    <w:rsid w:val="009C3143"/>
    <w:rsid w:val="009C32CF"/>
    <w:rsid w:val="009C4D87"/>
    <w:rsid w:val="009D2F7B"/>
    <w:rsid w:val="009D4EEB"/>
    <w:rsid w:val="009D6423"/>
    <w:rsid w:val="009E1170"/>
    <w:rsid w:val="009E7E61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66F4"/>
    <w:rsid w:val="00A07F90"/>
    <w:rsid w:val="00A12981"/>
    <w:rsid w:val="00A144EC"/>
    <w:rsid w:val="00A21254"/>
    <w:rsid w:val="00A2127C"/>
    <w:rsid w:val="00A22B8E"/>
    <w:rsid w:val="00A25075"/>
    <w:rsid w:val="00A25677"/>
    <w:rsid w:val="00A26729"/>
    <w:rsid w:val="00A2673B"/>
    <w:rsid w:val="00A27A91"/>
    <w:rsid w:val="00A327A4"/>
    <w:rsid w:val="00A33638"/>
    <w:rsid w:val="00A34D07"/>
    <w:rsid w:val="00A35AE9"/>
    <w:rsid w:val="00A3627D"/>
    <w:rsid w:val="00A3733B"/>
    <w:rsid w:val="00A37955"/>
    <w:rsid w:val="00A43389"/>
    <w:rsid w:val="00A443B2"/>
    <w:rsid w:val="00A44F93"/>
    <w:rsid w:val="00A54BE6"/>
    <w:rsid w:val="00A57A2E"/>
    <w:rsid w:val="00A609AD"/>
    <w:rsid w:val="00A60A7A"/>
    <w:rsid w:val="00A66BDD"/>
    <w:rsid w:val="00A679C4"/>
    <w:rsid w:val="00A711BD"/>
    <w:rsid w:val="00A76B32"/>
    <w:rsid w:val="00A76F2A"/>
    <w:rsid w:val="00A77D6A"/>
    <w:rsid w:val="00A81A4F"/>
    <w:rsid w:val="00A865A2"/>
    <w:rsid w:val="00A91247"/>
    <w:rsid w:val="00A934D8"/>
    <w:rsid w:val="00A967FC"/>
    <w:rsid w:val="00AA1106"/>
    <w:rsid w:val="00AA2CC7"/>
    <w:rsid w:val="00AB0FB1"/>
    <w:rsid w:val="00AB15C2"/>
    <w:rsid w:val="00AB2FDE"/>
    <w:rsid w:val="00AC39F5"/>
    <w:rsid w:val="00AC4CED"/>
    <w:rsid w:val="00AC5E97"/>
    <w:rsid w:val="00AC675B"/>
    <w:rsid w:val="00AC711C"/>
    <w:rsid w:val="00AD02EA"/>
    <w:rsid w:val="00AD2365"/>
    <w:rsid w:val="00AD3F23"/>
    <w:rsid w:val="00AD42CF"/>
    <w:rsid w:val="00AD483C"/>
    <w:rsid w:val="00AD5925"/>
    <w:rsid w:val="00AE0C70"/>
    <w:rsid w:val="00AE1449"/>
    <w:rsid w:val="00AE1A21"/>
    <w:rsid w:val="00AE22DB"/>
    <w:rsid w:val="00AE364C"/>
    <w:rsid w:val="00AE7DE4"/>
    <w:rsid w:val="00AF088A"/>
    <w:rsid w:val="00AF0AD1"/>
    <w:rsid w:val="00AF13F6"/>
    <w:rsid w:val="00AF1A5B"/>
    <w:rsid w:val="00B00A15"/>
    <w:rsid w:val="00B07EFA"/>
    <w:rsid w:val="00B1044D"/>
    <w:rsid w:val="00B54E8B"/>
    <w:rsid w:val="00B65A1B"/>
    <w:rsid w:val="00B662DA"/>
    <w:rsid w:val="00B71723"/>
    <w:rsid w:val="00B71F98"/>
    <w:rsid w:val="00B72A90"/>
    <w:rsid w:val="00B74918"/>
    <w:rsid w:val="00B83777"/>
    <w:rsid w:val="00B92C46"/>
    <w:rsid w:val="00B94A11"/>
    <w:rsid w:val="00B94FDF"/>
    <w:rsid w:val="00B9799B"/>
    <w:rsid w:val="00BA04F8"/>
    <w:rsid w:val="00BA1C28"/>
    <w:rsid w:val="00BA4D19"/>
    <w:rsid w:val="00BA7182"/>
    <w:rsid w:val="00BB0F97"/>
    <w:rsid w:val="00BB6EBF"/>
    <w:rsid w:val="00BC1F1C"/>
    <w:rsid w:val="00BC540F"/>
    <w:rsid w:val="00BC607C"/>
    <w:rsid w:val="00BC63A6"/>
    <w:rsid w:val="00BC6FD2"/>
    <w:rsid w:val="00BD1AF8"/>
    <w:rsid w:val="00BE1A84"/>
    <w:rsid w:val="00BE5BF6"/>
    <w:rsid w:val="00BE6DD7"/>
    <w:rsid w:val="00BF152A"/>
    <w:rsid w:val="00BF3C89"/>
    <w:rsid w:val="00BF794E"/>
    <w:rsid w:val="00C00580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4882"/>
    <w:rsid w:val="00C758CB"/>
    <w:rsid w:val="00C75B44"/>
    <w:rsid w:val="00C83027"/>
    <w:rsid w:val="00C90726"/>
    <w:rsid w:val="00C93111"/>
    <w:rsid w:val="00C93C1C"/>
    <w:rsid w:val="00C94966"/>
    <w:rsid w:val="00CA14CC"/>
    <w:rsid w:val="00CA6CD4"/>
    <w:rsid w:val="00CB0402"/>
    <w:rsid w:val="00CB0D44"/>
    <w:rsid w:val="00CB13F9"/>
    <w:rsid w:val="00CB2F2A"/>
    <w:rsid w:val="00CB3B9B"/>
    <w:rsid w:val="00CB591C"/>
    <w:rsid w:val="00CC070D"/>
    <w:rsid w:val="00CD067E"/>
    <w:rsid w:val="00CD0709"/>
    <w:rsid w:val="00CD4B58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1161F"/>
    <w:rsid w:val="00D12029"/>
    <w:rsid w:val="00D13CED"/>
    <w:rsid w:val="00D1568D"/>
    <w:rsid w:val="00D179F1"/>
    <w:rsid w:val="00D20F1A"/>
    <w:rsid w:val="00D212BA"/>
    <w:rsid w:val="00D24CFB"/>
    <w:rsid w:val="00D3172A"/>
    <w:rsid w:val="00D318B8"/>
    <w:rsid w:val="00D3485E"/>
    <w:rsid w:val="00D37639"/>
    <w:rsid w:val="00D416EE"/>
    <w:rsid w:val="00D436B9"/>
    <w:rsid w:val="00D43C6A"/>
    <w:rsid w:val="00D45E04"/>
    <w:rsid w:val="00D53DE0"/>
    <w:rsid w:val="00D558BE"/>
    <w:rsid w:val="00D55AC3"/>
    <w:rsid w:val="00D568EC"/>
    <w:rsid w:val="00D607BE"/>
    <w:rsid w:val="00D62411"/>
    <w:rsid w:val="00D707DC"/>
    <w:rsid w:val="00D74943"/>
    <w:rsid w:val="00D84AA0"/>
    <w:rsid w:val="00D8644F"/>
    <w:rsid w:val="00D905DA"/>
    <w:rsid w:val="00D91C22"/>
    <w:rsid w:val="00D945DE"/>
    <w:rsid w:val="00D94F91"/>
    <w:rsid w:val="00DA49EA"/>
    <w:rsid w:val="00DA64B4"/>
    <w:rsid w:val="00DB368B"/>
    <w:rsid w:val="00DC01A8"/>
    <w:rsid w:val="00DC2A1D"/>
    <w:rsid w:val="00DC2A3F"/>
    <w:rsid w:val="00DC5284"/>
    <w:rsid w:val="00DD2969"/>
    <w:rsid w:val="00DD4E45"/>
    <w:rsid w:val="00DE1291"/>
    <w:rsid w:val="00DF26C6"/>
    <w:rsid w:val="00E002AB"/>
    <w:rsid w:val="00E031C5"/>
    <w:rsid w:val="00E050A7"/>
    <w:rsid w:val="00E078C3"/>
    <w:rsid w:val="00E1339A"/>
    <w:rsid w:val="00E1354B"/>
    <w:rsid w:val="00E14943"/>
    <w:rsid w:val="00E25A15"/>
    <w:rsid w:val="00E25ECA"/>
    <w:rsid w:val="00E34191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702A2"/>
    <w:rsid w:val="00E7052D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E82"/>
    <w:rsid w:val="00E874CA"/>
    <w:rsid w:val="00E91CA4"/>
    <w:rsid w:val="00E933ED"/>
    <w:rsid w:val="00EA312D"/>
    <w:rsid w:val="00EA3629"/>
    <w:rsid w:val="00EA36B4"/>
    <w:rsid w:val="00EA5BB4"/>
    <w:rsid w:val="00EA5DED"/>
    <w:rsid w:val="00EB09BB"/>
    <w:rsid w:val="00EB0A67"/>
    <w:rsid w:val="00EB2D47"/>
    <w:rsid w:val="00EB58F7"/>
    <w:rsid w:val="00EC1E8F"/>
    <w:rsid w:val="00EC4DA1"/>
    <w:rsid w:val="00EC504A"/>
    <w:rsid w:val="00ED2832"/>
    <w:rsid w:val="00EE028B"/>
    <w:rsid w:val="00EE1C3C"/>
    <w:rsid w:val="00EE281D"/>
    <w:rsid w:val="00EE5B94"/>
    <w:rsid w:val="00EE6012"/>
    <w:rsid w:val="00EE7A6C"/>
    <w:rsid w:val="00EF4373"/>
    <w:rsid w:val="00EF5343"/>
    <w:rsid w:val="00EF6A81"/>
    <w:rsid w:val="00EF7856"/>
    <w:rsid w:val="00F0031A"/>
    <w:rsid w:val="00F00D0F"/>
    <w:rsid w:val="00F01D44"/>
    <w:rsid w:val="00F0215B"/>
    <w:rsid w:val="00F054AE"/>
    <w:rsid w:val="00F063CF"/>
    <w:rsid w:val="00F10983"/>
    <w:rsid w:val="00F13C6F"/>
    <w:rsid w:val="00F16774"/>
    <w:rsid w:val="00F2465B"/>
    <w:rsid w:val="00F27E6D"/>
    <w:rsid w:val="00F3189E"/>
    <w:rsid w:val="00F44F67"/>
    <w:rsid w:val="00F4589E"/>
    <w:rsid w:val="00F50DE3"/>
    <w:rsid w:val="00F51C3B"/>
    <w:rsid w:val="00F5337A"/>
    <w:rsid w:val="00F53DC1"/>
    <w:rsid w:val="00F53F17"/>
    <w:rsid w:val="00F54B98"/>
    <w:rsid w:val="00F56E95"/>
    <w:rsid w:val="00F6051D"/>
    <w:rsid w:val="00F622BD"/>
    <w:rsid w:val="00F641F6"/>
    <w:rsid w:val="00F644A4"/>
    <w:rsid w:val="00F64B96"/>
    <w:rsid w:val="00F77262"/>
    <w:rsid w:val="00F86209"/>
    <w:rsid w:val="00F93905"/>
    <w:rsid w:val="00F93DCC"/>
    <w:rsid w:val="00F96473"/>
    <w:rsid w:val="00F965EC"/>
    <w:rsid w:val="00FA6463"/>
    <w:rsid w:val="00FB73BC"/>
    <w:rsid w:val="00FC029C"/>
    <w:rsid w:val="00FC0B32"/>
    <w:rsid w:val="00FC43CA"/>
    <w:rsid w:val="00FC4C2A"/>
    <w:rsid w:val="00FD749D"/>
    <w:rsid w:val="00FE4B8F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>
      <o:colormru v:ext="edit" colors="#009fc4,#00323e,#01333d"/>
    </o:shapedefaults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png"/><Relationship Id="rId1" Type="http://schemas.openxmlformats.org/officeDocument/2006/relationships/image" Target="media/image2.jpe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4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Props1.xml><?xml version="1.0" encoding="utf-8"?>
<ds:datastoreItem xmlns:ds="http://schemas.openxmlformats.org/officeDocument/2006/customXml" ds:itemID="{F25ACE0D-4FE8-4BA3-847E-AB88DF10BAC6}">
  <ds:schemaRefs/>
</ds:datastoreItem>
</file>

<file path=customXml/itemProps2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4.xml><?xml version="1.0" encoding="utf-8"?>
<ds:datastoreItem xmlns:ds="http://schemas.openxmlformats.org/officeDocument/2006/customXml" ds:itemID="{CC98E2A7-02E1-47BD-997E-6E5834B79A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3</TotalTime>
  <Pages>3</Pages>
  <Words>647</Words>
  <Characters>3693</Characters>
  <Application>Microsoft Office Word</Application>
  <DocSecurity>0</DocSecurity>
  <Lines>30</Lines>
  <Paragraphs>8</Paragraphs>
  <ScaleCrop>false</ScaleCrop>
  <Company/>
  <LinksUpToDate>false</LinksUpToDate>
  <CharactersWithSpaces>43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Zoe Liu</cp:lastModifiedBy>
  <cp:revision>8</cp:revision>
  <cp:lastPrinted>2021-12-13T09:01:00Z</cp:lastPrinted>
  <dcterms:created xsi:type="dcterms:W3CDTF">2022-03-04T01:42:00Z</dcterms:created>
  <dcterms:modified xsi:type="dcterms:W3CDTF">2022-03-04T02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